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E34BEA"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E34BEA"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8"/>
              <w:id w:val="-1028321261"/>
            </w:sdtPr>
            <w:sdtEndPr/>
            <w:sdtContent>
              <w:p w14:paraId="75527582" w14:textId="77777777" w:rsidR="008715E3" w:rsidRPr="000F6EED" w:rsidRDefault="008715E3" w:rsidP="008715E3">
                <w:pPr>
                  <w:jc w:val="center"/>
                </w:pPr>
                <w:r w:rsidRPr="000F6EED">
                  <w:rPr>
                    <w:rFonts w:ascii="Calibri" w:eastAsia="Calibri" w:hAnsi="Calibri" w:cs="Calibri"/>
                    <w:b/>
                    <w:sz w:val="22"/>
                    <w:szCs w:val="22"/>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tag w:val="goog_rdk_108"/>
              <w:id w:val="1478877419"/>
            </w:sdtPr>
            <w:sdtEndPr/>
            <w:sdtContent>
              <w:p w14:paraId="22E5C42C" w14:textId="77777777" w:rsidR="008715E3" w:rsidRPr="000F6EED" w:rsidRDefault="008715E3" w:rsidP="008715E3">
                <w:pPr>
                  <w:jc w:val="center"/>
                </w:pPr>
                <w:r w:rsidRPr="000F6EED">
                  <w:rPr>
                    <w:rFonts w:ascii="Calibri" w:eastAsia="Calibri" w:hAnsi="Calibri" w:cs="Calibri"/>
                    <w:b/>
                    <w:sz w:val="22"/>
                    <w:szCs w:val="22"/>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bookmarkEnd w:id="2"/>
      <w:tr w:rsidR="008715E3" w:rsidRPr="000F6EED" w14:paraId="25D6769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928B955" w14:textId="5CEC670E" w:rsidR="008715E3" w:rsidRPr="00A1507A" w:rsidRDefault="008715E3" w:rsidP="008715E3">
            <w:pPr>
              <w:jc w:val="center"/>
              <w:rPr>
                <w:b/>
                <w:bCs/>
              </w:rPr>
            </w:pPr>
            <w:r w:rsidRPr="00A1507A">
              <w:rPr>
                <w:b/>
                <w:bCs/>
              </w:rPr>
              <w:t>6</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1A5ABB77" w14:textId="179C752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71016A7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1D18B4" w14:textId="743A7693" w:rsidR="008715E3" w:rsidRPr="00A1507A" w:rsidRDefault="008715E3" w:rsidP="008715E3">
            <w:pPr>
              <w:jc w:val="center"/>
              <w:rPr>
                <w:b/>
                <w:bCs/>
              </w:rPr>
            </w:pPr>
            <w:r w:rsidRPr="00A1507A">
              <w:rPr>
                <w:b/>
                <w:bCs/>
              </w:rPr>
              <w:t>7</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26499C64" w14:textId="4323A4BF"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3F12BCA"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2A1E1B" w14:textId="01E3D43A" w:rsidR="008715E3" w:rsidRPr="00A1507A" w:rsidRDefault="008715E3" w:rsidP="008715E3">
            <w:pPr>
              <w:jc w:val="center"/>
              <w:rPr>
                <w:b/>
                <w:bCs/>
              </w:rPr>
            </w:pPr>
            <w:r w:rsidRPr="00A1507A">
              <w:rPr>
                <w:b/>
                <w:bCs/>
              </w:rPr>
              <w:t>8</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ED1DBFD" w14:textId="7A9D87E2"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3999134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3C6EFFD" w14:textId="781F2BCF" w:rsidR="008715E3" w:rsidRPr="00A1507A" w:rsidRDefault="008715E3" w:rsidP="008715E3">
            <w:pPr>
              <w:jc w:val="center"/>
              <w:rPr>
                <w:b/>
                <w:bCs/>
              </w:rPr>
            </w:pPr>
            <w:r w:rsidRPr="00A1507A">
              <w:rPr>
                <w:b/>
                <w:bCs/>
              </w:rPr>
              <w:t>9</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1F18571" w14:textId="2151E99B"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38ED5D6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7154B35" w14:textId="0CB48B03" w:rsidR="008715E3" w:rsidRPr="00A1507A" w:rsidRDefault="008715E3" w:rsidP="008715E3">
            <w:pPr>
              <w:jc w:val="center"/>
              <w:rPr>
                <w:b/>
                <w:bCs/>
              </w:rPr>
            </w:pPr>
            <w:r w:rsidRPr="00A1507A">
              <w:rPr>
                <w:b/>
                <w:bCs/>
              </w:rPr>
              <w:t>10</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6F3255F" w14:textId="7796300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7B0D3BF1" w:rsidR="008715E3" w:rsidRPr="000F6EED" w:rsidRDefault="00E51224" w:rsidP="00E51224">
            <w:pPr>
              <w:jc w:val="center"/>
            </w:pPr>
            <w:r w:rsidRPr="00E51224">
              <w:t xml:space="preserve">{[ INVISIBLE |$: NumberOfMonth | NoOutput | NUM | D$: </w:t>
            </w:r>
            <w:r w:rsidR="00DB3736" w:rsidRPr="00DB3736">
              <w:rPr>
                <w:highlight w:val="red"/>
              </w:rPr>
              <w:t>1</w:t>
            </w:r>
            <w:r w:rsidR="00E42466">
              <w:rPr>
                <w:highlight w:val="red"/>
              </w:rPr>
              <w:t>0</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lastRenderedPageBreak/>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4261B4E6"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E54790">
        <w:rPr>
          <w:rFonts w:ascii="Calibri" w:eastAsia="Calibri" w:hAnsi="Calibri" w:cs="Calibri"/>
          <w:sz w:val="22"/>
          <w:szCs w:val="22"/>
        </w:rPr>
        <w:t>2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76ABDD5" w14:textId="77777777" w:rsidR="00E34BEA" w:rsidRDefault="00E34BEA">
      <w:r>
        <w:separator/>
      </w:r>
    </w:p>
  </w:endnote>
  <w:endnote w:type="continuationSeparator" w:id="0">
    <w:p w14:paraId="268EA23F" w14:textId="77777777" w:rsidR="00E34BEA" w:rsidRDefault="00E34BEA">
      <w:r>
        <w:continuationSeparator/>
      </w:r>
    </w:p>
  </w:endnote>
  <w:endnote w:type="continuationNotice" w:id="1">
    <w:p w14:paraId="2EC15430" w14:textId="77777777" w:rsidR="00E34BEA" w:rsidRDefault="00E34BE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E34BEA">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782483">
      <w:t>4852-1447-1856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50627E1" w14:textId="77777777" w:rsidR="00E34BEA" w:rsidRDefault="00E34BEA">
      <w:r>
        <w:separator/>
      </w:r>
    </w:p>
  </w:footnote>
  <w:footnote w:type="continuationSeparator" w:id="0">
    <w:p w14:paraId="7700104B" w14:textId="77777777" w:rsidR="00E34BEA" w:rsidRDefault="00E34BEA">
      <w:r>
        <w:continuationSeparator/>
      </w:r>
    </w:p>
  </w:footnote>
  <w:footnote w:type="continuationNotice" w:id="1">
    <w:p w14:paraId="748F40B3" w14:textId="77777777" w:rsidR="00E34BEA" w:rsidRDefault="00E34BEA"/>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E34BEA">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E34BEA">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3550C2C0">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28E8C0F0">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D11CE"/>
    <w:rsid w:val="000E617A"/>
    <w:rsid w:val="000F6EED"/>
    <w:rsid w:val="00115BCB"/>
    <w:rsid w:val="00143D5A"/>
    <w:rsid w:val="00151E02"/>
    <w:rsid w:val="001638B2"/>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60428"/>
    <w:rsid w:val="00384FE3"/>
    <w:rsid w:val="003A59DD"/>
    <w:rsid w:val="003C4E3C"/>
    <w:rsid w:val="003D3506"/>
    <w:rsid w:val="003D6E6B"/>
    <w:rsid w:val="003F484D"/>
    <w:rsid w:val="0043548C"/>
    <w:rsid w:val="004476BF"/>
    <w:rsid w:val="00464F2F"/>
    <w:rsid w:val="004B228A"/>
    <w:rsid w:val="004D36CB"/>
    <w:rsid w:val="004E310E"/>
    <w:rsid w:val="005543A0"/>
    <w:rsid w:val="00585DE8"/>
    <w:rsid w:val="00587EE9"/>
    <w:rsid w:val="005D675C"/>
    <w:rsid w:val="005F0A4A"/>
    <w:rsid w:val="006655CD"/>
    <w:rsid w:val="006D5C9C"/>
    <w:rsid w:val="00751F14"/>
    <w:rsid w:val="00782483"/>
    <w:rsid w:val="00791BC0"/>
    <w:rsid w:val="007C11D0"/>
    <w:rsid w:val="008256A9"/>
    <w:rsid w:val="0085728B"/>
    <w:rsid w:val="008715E3"/>
    <w:rsid w:val="00883CCB"/>
    <w:rsid w:val="008873C7"/>
    <w:rsid w:val="008B6A6B"/>
    <w:rsid w:val="008E206C"/>
    <w:rsid w:val="008E6C34"/>
    <w:rsid w:val="008E6DF1"/>
    <w:rsid w:val="00927DA7"/>
    <w:rsid w:val="00943A74"/>
    <w:rsid w:val="0098463F"/>
    <w:rsid w:val="00992DC0"/>
    <w:rsid w:val="009A4EE2"/>
    <w:rsid w:val="009C2BC6"/>
    <w:rsid w:val="009C2FD6"/>
    <w:rsid w:val="009D0EA5"/>
    <w:rsid w:val="009F3A7D"/>
    <w:rsid w:val="00A02368"/>
    <w:rsid w:val="00A1507A"/>
    <w:rsid w:val="00A3362E"/>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57462"/>
    <w:rsid w:val="00CA03F3"/>
    <w:rsid w:val="00CB0C47"/>
    <w:rsid w:val="00CB1436"/>
    <w:rsid w:val="00CB162B"/>
    <w:rsid w:val="00CC2367"/>
    <w:rsid w:val="00CD0F7D"/>
    <w:rsid w:val="00CF3F44"/>
    <w:rsid w:val="00D12786"/>
    <w:rsid w:val="00D15401"/>
    <w:rsid w:val="00D60E2D"/>
    <w:rsid w:val="00D63E39"/>
    <w:rsid w:val="00D8453F"/>
    <w:rsid w:val="00DB213B"/>
    <w:rsid w:val="00DB3736"/>
    <w:rsid w:val="00DC0F1C"/>
    <w:rsid w:val="00DC7DA9"/>
    <w:rsid w:val="00DD4917"/>
    <w:rsid w:val="00DE576F"/>
    <w:rsid w:val="00DE7527"/>
    <w:rsid w:val="00DF521B"/>
    <w:rsid w:val="00E07F6D"/>
    <w:rsid w:val="00E12B32"/>
    <w:rsid w:val="00E34BEA"/>
    <w:rsid w:val="00E42466"/>
    <w:rsid w:val="00E44D43"/>
    <w:rsid w:val="00E51224"/>
    <w:rsid w:val="00E54790"/>
    <w:rsid w:val="00EA2A1D"/>
    <w:rsid w:val="00F35AC8"/>
    <w:rsid w:val="00F46910"/>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3.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4.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2.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3.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4.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Pages>
  <Words>1096</Words>
  <Characters>5814</Characters>
  <Application>Microsoft Office Word</Application>
  <DocSecurity>0</DocSecurity>
  <Lines>48</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89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4</cp:revision>
  <dcterms:created xsi:type="dcterms:W3CDTF">2021-01-15T15:52:00Z</dcterms:created>
  <dcterms:modified xsi:type="dcterms:W3CDTF">2021-01-15T15: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